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8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18表!$A$1:$J$49</definedName>
    <definedName name="_xlnm.Print_Titles" localSheetId="0">第18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56">
  <si>
    <t>第１８表　一人当たり医療費の状況</t>
    <rPh sb="0" eb="1">
      <t>ダイ</t>
    </rPh>
    <rPh sb="3" eb="4">
      <t>ヒョウ</t>
    </rPh>
    <rPh sb="10" eb="12">
      <t>イリョウ</t>
    </rPh>
    <phoneticPr fontId="0"/>
  </si>
  <si>
    <t>保険者名</t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
（一般＋退職者）</t>
    <rPh sb="8" eb="10">
      <t>イッパン</t>
    </rPh>
    <rPh sb="11" eb="13">
      <t>タイショク</t>
    </rPh>
    <rPh sb="13" eb="14">
      <t>シャ</t>
    </rPh>
    <phoneticPr fontId="2"/>
  </si>
  <si>
    <t>円</t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>－</t>
    <phoneticPr fontId="0"/>
  </si>
  <si>
    <t xml:space="preserve"> 歯科医師</t>
    <phoneticPr fontId="0"/>
  </si>
  <si>
    <t>－</t>
    <phoneticPr fontId="0"/>
  </si>
  <si>
    <t>－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 部 平 均</t>
    <phoneticPr fontId="0"/>
  </si>
  <si>
    <t>町村部平均</t>
  </si>
  <si>
    <t>市町村平均</t>
  </si>
  <si>
    <t>組  合  平  均</t>
    <phoneticPr fontId="0"/>
  </si>
  <si>
    <t>－</t>
    <phoneticPr fontId="0"/>
  </si>
  <si>
    <t>県     平     均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;[Red]\-#,##0\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3">
    <xf numFmtId="0" fontId="0" fillId="0" borderId="0" xfId="0"/>
    <xf numFmtId="0" fontId="1" fillId="0" borderId="0" xfId="0" applyFont="1" applyBorder="1" applyAlignment="1" applyProtection="1">
      <alignment horizontal="left" vertical="center"/>
    </xf>
    <xf numFmtId="0" fontId="1" fillId="0" borderId="0" xfId="0" applyFont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Border="1" applyAlignment="1" applyProtection="1">
      <alignment horizontal="right" vertical="center"/>
    </xf>
    <xf numFmtId="38" fontId="1" fillId="0" borderId="0" xfId="1" applyFont="1" applyAlignment="1">
      <alignment vertical="center"/>
    </xf>
    <xf numFmtId="0" fontId="1" fillId="0" borderId="0" xfId="0" applyFont="1" applyBorder="1" applyAlignment="1">
      <alignment vertical="center"/>
    </xf>
    <xf numFmtId="0" fontId="3" fillId="0" borderId="0" xfId="0" applyFont="1" applyFill="1" applyBorder="1" applyAlignment="1" applyProtection="1">
      <alignment horizontal="right" vertical="center"/>
    </xf>
    <xf numFmtId="0" fontId="5" fillId="0" borderId="0" xfId="0" applyFont="1" applyBorder="1" applyAlignment="1">
      <alignment horizontal="centerContinuous"/>
    </xf>
    <xf numFmtId="0" fontId="5" fillId="0" borderId="0" xfId="0" applyFont="1" applyAlignment="1"/>
    <xf numFmtId="0" fontId="4" fillId="0" borderId="12" xfId="0" applyFont="1" applyBorder="1" applyAlignment="1">
      <alignment horizontal="centerContinuous" vertical="center"/>
    </xf>
    <xf numFmtId="0" fontId="4" fillId="0" borderId="1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38" fontId="4" fillId="0" borderId="6" xfId="1" applyFont="1" applyBorder="1" applyAlignment="1" applyProtection="1"/>
    <xf numFmtId="38" fontId="6" fillId="0" borderId="15" xfId="1" applyFont="1" applyBorder="1"/>
    <xf numFmtId="38" fontId="4" fillId="0" borderId="15" xfId="1" applyFont="1" applyBorder="1" applyAlignment="1"/>
    <xf numFmtId="38" fontId="4" fillId="0" borderId="15" xfId="1" applyFont="1" applyBorder="1" applyAlignment="1">
      <alignment horizontal="center"/>
    </xf>
    <xf numFmtId="38" fontId="4" fillId="0" borderId="15" xfId="1" applyNumberFormat="1" applyFont="1" applyBorder="1" applyAlignment="1"/>
    <xf numFmtId="38" fontId="4" fillId="0" borderId="16" xfId="1" applyFont="1" applyBorder="1" applyAlignment="1">
      <alignment horizontal="center"/>
    </xf>
    <xf numFmtId="38" fontId="5" fillId="0" borderId="0" xfId="1" applyFont="1" applyBorder="1" applyAlignment="1"/>
    <xf numFmtId="0" fontId="5" fillId="0" borderId="0" xfId="0" applyFont="1" applyBorder="1" applyAlignment="1"/>
    <xf numFmtId="38" fontId="4" fillId="0" borderId="17" xfId="1" applyFont="1" applyBorder="1" applyAlignment="1" applyProtection="1"/>
    <xf numFmtId="38" fontId="4" fillId="0" borderId="18" xfId="1" applyFont="1" applyBorder="1" applyAlignment="1"/>
    <xf numFmtId="38" fontId="4" fillId="0" borderId="10" xfId="1" applyFont="1" applyBorder="1" applyAlignment="1" applyProtection="1"/>
    <xf numFmtId="38" fontId="6" fillId="0" borderId="19" xfId="1" applyFont="1" applyBorder="1"/>
    <xf numFmtId="38" fontId="4" fillId="0" borderId="19" xfId="1" applyFont="1" applyBorder="1" applyAlignment="1"/>
    <xf numFmtId="38" fontId="4" fillId="0" borderId="19" xfId="1" applyFont="1" applyBorder="1" applyAlignment="1">
      <alignment horizontal="center"/>
    </xf>
    <xf numFmtId="38" fontId="4" fillId="0" borderId="20" xfId="1" applyFont="1" applyBorder="1" applyAlignment="1">
      <alignment horizontal="center"/>
    </xf>
    <xf numFmtId="38" fontId="6" fillId="0" borderId="21" xfId="1" applyFont="1" applyBorder="1"/>
    <xf numFmtId="38" fontId="4" fillId="0" borderId="22" xfId="1" applyFont="1" applyBorder="1" applyAlignment="1" applyProtection="1"/>
    <xf numFmtId="38" fontId="6" fillId="0" borderId="21" xfId="1" applyFont="1" applyBorder="1" applyAlignment="1" applyProtection="1">
      <alignment horizontal="left" vertical="center"/>
    </xf>
    <xf numFmtId="38" fontId="4" fillId="0" borderId="21" xfId="1" applyFont="1" applyBorder="1" applyAlignment="1"/>
    <xf numFmtId="38" fontId="4" fillId="0" borderId="21" xfId="1" applyFont="1" applyBorder="1" applyAlignment="1">
      <alignment horizontal="center"/>
    </xf>
    <xf numFmtId="38" fontId="4" fillId="0" borderId="23" xfId="1" applyFont="1" applyBorder="1" applyAlignment="1" applyProtection="1">
      <alignment horizontal="center"/>
    </xf>
    <xf numFmtId="38" fontId="4" fillId="0" borderId="9" xfId="1" applyFont="1" applyBorder="1" applyAlignment="1">
      <alignment horizontal="center"/>
    </xf>
    <xf numFmtId="38" fontId="4" fillId="0" borderId="15" xfId="1" applyFont="1" applyBorder="1" applyAlignment="1" applyProtection="1">
      <alignment horizontal="center"/>
    </xf>
    <xf numFmtId="38" fontId="6" fillId="0" borderId="12" xfId="1" applyFont="1" applyBorder="1" applyAlignment="1" applyProtection="1">
      <alignment horizontal="left" vertical="center"/>
    </xf>
    <xf numFmtId="38" fontId="4" fillId="0" borderId="19" xfId="1" applyFont="1" applyBorder="1" applyAlignment="1" applyProtection="1">
      <alignment horizontal="center"/>
    </xf>
    <xf numFmtId="176" fontId="4" fillId="0" borderId="19" xfId="1" applyNumberFormat="1" applyFont="1" applyBorder="1" applyAlignment="1"/>
    <xf numFmtId="38" fontId="4" fillId="0" borderId="26" xfId="1" applyFont="1" applyBorder="1" applyAlignment="1" applyProtection="1">
      <alignment horizontal="center"/>
    </xf>
    <xf numFmtId="38" fontId="4" fillId="0" borderId="19" xfId="1" applyNumberFormat="1" applyFont="1" applyBorder="1" applyAlignment="1"/>
    <xf numFmtId="38" fontId="4" fillId="0" borderId="29" xfId="1" applyFont="1" applyBorder="1" applyAlignment="1"/>
    <xf numFmtId="38" fontId="4" fillId="0" borderId="30" xfId="1" applyFont="1" applyBorder="1" applyAlignment="1" applyProtection="1">
      <alignment horizontal="center"/>
    </xf>
    <xf numFmtId="176" fontId="4" fillId="0" borderId="29" xfId="1" applyNumberFormat="1" applyFont="1" applyBorder="1" applyAlignment="1"/>
    <xf numFmtId="38" fontId="4" fillId="0" borderId="31" xfId="1" applyFont="1" applyBorder="1" applyAlignment="1" applyProtection="1">
      <alignment horizontal="center"/>
    </xf>
    <xf numFmtId="0" fontId="5" fillId="0" borderId="0" xfId="0" applyFont="1" applyAlignment="1">
      <alignment horizontal="center"/>
    </xf>
    <xf numFmtId="38" fontId="4" fillId="0" borderId="24" xfId="1" applyFont="1" applyBorder="1" applyAlignment="1" applyProtection="1">
      <alignment horizontal="distributed" justifyLastLine="1"/>
    </xf>
    <xf numFmtId="0" fontId="4" fillId="0" borderId="25" xfId="0" applyFont="1" applyBorder="1" applyAlignment="1">
      <alignment horizontal="distributed" justifyLastLine="1"/>
    </xf>
    <xf numFmtId="38" fontId="4" fillId="0" borderId="24" xfId="1" applyFont="1" applyBorder="1" applyAlignment="1">
      <alignment horizontal="distributed" justifyLastLine="1"/>
    </xf>
    <xf numFmtId="38" fontId="4" fillId="0" borderId="27" xfId="1" applyFont="1" applyBorder="1" applyAlignment="1">
      <alignment horizontal="distributed" justifyLastLine="1"/>
    </xf>
    <xf numFmtId="0" fontId="4" fillId="0" borderId="28" xfId="0" applyFont="1" applyBorder="1" applyAlignment="1">
      <alignment horizontal="distributed" justifyLastLine="1"/>
    </xf>
    <xf numFmtId="0" fontId="4" fillId="0" borderId="1" xfId="0" applyFont="1" applyBorder="1" applyAlignment="1">
      <alignment horizontal="distributed" vertical="center"/>
    </xf>
    <xf numFmtId="0" fontId="4" fillId="0" borderId="2" xfId="0" applyFont="1" applyBorder="1" applyAlignment="1">
      <alignment horizontal="distributed" vertical="center"/>
    </xf>
    <xf numFmtId="0" fontId="4" fillId="0" borderId="6" xfId="0" applyFont="1" applyBorder="1" applyAlignment="1">
      <alignment horizontal="distributed" vertical="center"/>
    </xf>
    <xf numFmtId="0" fontId="4" fillId="0" borderId="0" xfId="0" applyFont="1" applyBorder="1" applyAlignment="1">
      <alignment horizontal="distributed" vertical="center"/>
    </xf>
    <xf numFmtId="0" fontId="4" fillId="0" borderId="10" xfId="0" applyFont="1" applyBorder="1" applyAlignment="1">
      <alignment horizontal="distributed" vertical="center"/>
    </xf>
    <xf numFmtId="0" fontId="4" fillId="0" borderId="11" xfId="0" applyFont="1" applyBorder="1" applyAlignment="1">
      <alignment horizontal="distributed" vertical="center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49"/>
  <sheetViews>
    <sheetView tabSelected="1" view="pageBreakPreview" zoomScaleNormal="100" zoomScaleSheetLayoutView="80" workbookViewId="0">
      <selection activeCell="H14" sqref="H14"/>
    </sheetView>
  </sheetViews>
  <sheetFormatPr defaultRowHeight="15.75" customHeight="1" x14ac:dyDescent="0.15"/>
  <cols>
    <col min="1" max="1" width="3.625" style="9" customWidth="1"/>
    <col min="2" max="2" width="10" style="9" customWidth="1"/>
    <col min="3" max="3" width="10.625" style="9" customWidth="1"/>
    <col min="4" max="4" width="7.625" style="50" customWidth="1"/>
    <col min="5" max="5" width="10.625" style="9" customWidth="1"/>
    <col min="6" max="6" width="7.625" style="50" customWidth="1"/>
    <col min="7" max="7" width="10.625" style="9" customWidth="1"/>
    <col min="8" max="8" width="7.625" style="50" customWidth="1"/>
    <col min="9" max="9" width="10.625" style="9" customWidth="1"/>
    <col min="10" max="10" width="7.625" style="50" customWidth="1"/>
    <col min="11" max="11" width="4.125" style="9" customWidth="1"/>
    <col min="12" max="12" width="8.625" style="9" customWidth="1"/>
    <col min="13" max="13" width="4.125" style="9" customWidth="1"/>
    <col min="14" max="14" width="8.625" style="9" customWidth="1"/>
    <col min="15" max="15" width="4.125" style="9" customWidth="1"/>
    <col min="16" max="16" width="8.625" style="9" customWidth="1"/>
    <col min="17" max="17" width="4.125" style="9" customWidth="1"/>
    <col min="18" max="18" width="8.625" style="9" customWidth="1"/>
    <col min="19" max="19" width="4.125" style="9" customWidth="1"/>
    <col min="20" max="20" width="8.625" style="9" customWidth="1"/>
    <col min="21" max="21" width="4.125" style="9" customWidth="1"/>
    <col min="22" max="22" width="8.625" style="9" customWidth="1"/>
    <col min="23" max="23" width="4.125" style="9" customWidth="1"/>
    <col min="24" max="24" width="8.625" style="9" customWidth="1"/>
    <col min="25" max="25" width="4.125" style="9" customWidth="1"/>
    <col min="26" max="26" width="8.625" style="9" customWidth="1"/>
    <col min="27" max="27" width="4.125" style="9" customWidth="1"/>
    <col min="28" max="28" width="8.625" style="9" customWidth="1"/>
    <col min="29" max="29" width="4.125" style="9" customWidth="1"/>
    <col min="30" max="30" width="8.625" style="9" customWidth="1"/>
    <col min="31" max="31" width="4.125" style="9" customWidth="1"/>
    <col min="32" max="32" width="8.625" style="9" customWidth="1"/>
    <col min="33" max="33" width="4.125" style="9" customWidth="1"/>
    <col min="34" max="34" width="8.625" style="9" customWidth="1"/>
    <col min="35" max="35" width="4.125" style="9" customWidth="1"/>
    <col min="36" max="36" width="8.625" style="9" customWidth="1"/>
    <col min="37" max="37" width="4.125" style="9" customWidth="1"/>
    <col min="38" max="38" width="8.625" style="9" customWidth="1"/>
    <col min="39" max="39" width="4.125" style="9" customWidth="1"/>
    <col min="40" max="16384" width="9" style="9"/>
  </cols>
  <sheetData>
    <row r="1" spans="1:39" s="2" customFormat="1" ht="13.5" x14ac:dyDescent="0.15">
      <c r="A1" s="1" t="s">
        <v>0</v>
      </c>
      <c r="C1" s="3"/>
      <c r="D1" s="3"/>
      <c r="E1" s="3"/>
      <c r="F1" s="4"/>
      <c r="H1" s="5"/>
    </row>
    <row r="2" spans="1:39" s="2" customFormat="1" ht="10.5" customHeight="1" thickBot="1" x14ac:dyDescent="0.2">
      <c r="A2" s="6"/>
      <c r="B2" s="1"/>
      <c r="C2" s="3"/>
      <c r="D2" s="3"/>
      <c r="E2" s="3"/>
      <c r="F2" s="7"/>
      <c r="H2" s="5"/>
    </row>
    <row r="3" spans="1:39" ht="13.5" customHeight="1" x14ac:dyDescent="0.15">
      <c r="A3" s="56" t="s">
        <v>1</v>
      </c>
      <c r="B3" s="57"/>
      <c r="C3" s="62" t="s">
        <v>2</v>
      </c>
      <c r="D3" s="63"/>
      <c r="E3" s="66" t="s">
        <v>3</v>
      </c>
      <c r="F3" s="67"/>
      <c r="G3" s="66" t="s">
        <v>4</v>
      </c>
      <c r="H3" s="67"/>
      <c r="I3" s="62" t="s">
        <v>5</v>
      </c>
      <c r="J3" s="70"/>
      <c r="K3" s="8"/>
      <c r="L3" s="8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  <c r="AA3" s="8"/>
      <c r="AB3" s="8"/>
      <c r="AC3" s="8"/>
      <c r="AD3" s="8"/>
      <c r="AE3" s="8"/>
      <c r="AF3" s="8"/>
      <c r="AG3" s="8"/>
      <c r="AH3" s="8"/>
      <c r="AI3" s="8"/>
      <c r="AJ3" s="8"/>
      <c r="AK3" s="8"/>
      <c r="AL3" s="8"/>
      <c r="AM3" s="8"/>
    </row>
    <row r="4" spans="1:39" ht="10.5" customHeight="1" x14ac:dyDescent="0.15">
      <c r="A4" s="58"/>
      <c r="B4" s="59"/>
      <c r="C4" s="64"/>
      <c r="D4" s="65"/>
      <c r="E4" s="68"/>
      <c r="F4" s="69"/>
      <c r="G4" s="68"/>
      <c r="H4" s="69"/>
      <c r="I4" s="71"/>
      <c r="J4" s="72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8"/>
      <c r="AE4" s="8"/>
      <c r="AF4" s="8"/>
      <c r="AG4" s="8"/>
      <c r="AH4" s="8"/>
      <c r="AI4" s="8"/>
      <c r="AJ4" s="8"/>
      <c r="AK4" s="8"/>
      <c r="AL4" s="8"/>
      <c r="AM4" s="8"/>
    </row>
    <row r="5" spans="1:39" s="17" customFormat="1" ht="15" customHeight="1" thickBot="1" x14ac:dyDescent="0.2">
      <c r="A5" s="60"/>
      <c r="B5" s="61"/>
      <c r="C5" s="10" t="s">
        <v>6</v>
      </c>
      <c r="D5" s="11" t="s">
        <v>7</v>
      </c>
      <c r="E5" s="12" t="s">
        <v>6</v>
      </c>
      <c r="F5" s="13" t="s">
        <v>7</v>
      </c>
      <c r="G5" s="12" t="s">
        <v>6</v>
      </c>
      <c r="H5" s="13" t="s">
        <v>7</v>
      </c>
      <c r="I5" s="12" t="s">
        <v>6</v>
      </c>
      <c r="J5" s="14" t="s">
        <v>7</v>
      </c>
      <c r="K5" s="15"/>
      <c r="L5" s="15"/>
      <c r="M5" s="15"/>
      <c r="N5" s="15"/>
      <c r="O5" s="15"/>
      <c r="P5" s="15"/>
      <c r="Q5" s="15"/>
      <c r="R5" s="15"/>
      <c r="S5" s="15"/>
      <c r="T5" s="16"/>
      <c r="U5" s="15"/>
      <c r="V5" s="15"/>
      <c r="W5" s="15"/>
      <c r="X5" s="15"/>
      <c r="Y5" s="15"/>
      <c r="Z5" s="15"/>
      <c r="AA5" s="15"/>
      <c r="AB5" s="15"/>
      <c r="AC5" s="15"/>
      <c r="AD5" s="16"/>
      <c r="AE5" s="15"/>
      <c r="AF5" s="15"/>
      <c r="AG5" s="15"/>
      <c r="AH5" s="15"/>
      <c r="AI5" s="15"/>
      <c r="AJ5" s="15"/>
      <c r="AK5" s="15"/>
      <c r="AL5" s="15"/>
      <c r="AM5" s="15"/>
    </row>
    <row r="6" spans="1:39" ht="17.100000000000001" customHeight="1" thickTop="1" x14ac:dyDescent="0.15">
      <c r="A6" s="18">
        <v>1</v>
      </c>
      <c r="B6" s="19" t="s">
        <v>8</v>
      </c>
      <c r="C6" s="20">
        <v>339725</v>
      </c>
      <c r="D6" s="21">
        <v>19</v>
      </c>
      <c r="E6" s="20">
        <v>422524</v>
      </c>
      <c r="F6" s="21">
        <v>8</v>
      </c>
      <c r="G6" s="20">
        <v>515127</v>
      </c>
      <c r="H6" s="21">
        <v>9</v>
      </c>
      <c r="I6" s="22">
        <v>340753</v>
      </c>
      <c r="J6" s="23">
        <v>19</v>
      </c>
      <c r="K6" s="24"/>
      <c r="L6" s="24"/>
      <c r="M6" s="24"/>
      <c r="N6" s="24"/>
      <c r="O6" s="24"/>
      <c r="P6" s="24"/>
      <c r="Q6" s="24"/>
      <c r="R6" s="24"/>
      <c r="S6" s="24"/>
      <c r="T6" s="24"/>
      <c r="U6" s="24"/>
      <c r="V6" s="24"/>
      <c r="W6" s="24"/>
      <c r="X6" s="24"/>
      <c r="Y6" s="24"/>
      <c r="Z6" s="24"/>
      <c r="AA6" s="24"/>
      <c r="AB6" s="24"/>
      <c r="AC6" s="24"/>
      <c r="AD6" s="24"/>
      <c r="AE6" s="24"/>
      <c r="AF6" s="24"/>
      <c r="AG6" s="24"/>
      <c r="AH6" s="24"/>
      <c r="AI6" s="24"/>
      <c r="AJ6" s="24"/>
      <c r="AK6" s="24"/>
      <c r="AL6" s="24"/>
      <c r="AM6" s="25"/>
    </row>
    <row r="7" spans="1:39" ht="17.100000000000001" customHeight="1" x14ac:dyDescent="0.15">
      <c r="A7" s="26">
        <v>2</v>
      </c>
      <c r="B7" s="19" t="s">
        <v>9</v>
      </c>
      <c r="C7" s="20">
        <v>326780</v>
      </c>
      <c r="D7" s="21">
        <v>24</v>
      </c>
      <c r="E7" s="20">
        <v>473917</v>
      </c>
      <c r="F7" s="21">
        <v>2</v>
      </c>
      <c r="G7" s="20">
        <v>546557</v>
      </c>
      <c r="H7" s="21">
        <v>2</v>
      </c>
      <c r="I7" s="27">
        <v>329029</v>
      </c>
      <c r="J7" s="23">
        <v>24</v>
      </c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4"/>
      <c r="AE7" s="24"/>
      <c r="AF7" s="24"/>
      <c r="AG7" s="24"/>
      <c r="AH7" s="24"/>
      <c r="AI7" s="24"/>
      <c r="AJ7" s="24"/>
      <c r="AK7" s="24"/>
      <c r="AL7" s="24"/>
      <c r="AM7" s="25"/>
    </row>
    <row r="8" spans="1:39" ht="17.100000000000001" customHeight="1" x14ac:dyDescent="0.15">
      <c r="A8" s="26">
        <v>3</v>
      </c>
      <c r="B8" s="19" t="s">
        <v>10</v>
      </c>
      <c r="C8" s="20">
        <v>364377</v>
      </c>
      <c r="D8" s="21">
        <v>6</v>
      </c>
      <c r="E8" s="20">
        <v>411015</v>
      </c>
      <c r="F8" s="21">
        <v>10</v>
      </c>
      <c r="G8" s="20">
        <v>526250</v>
      </c>
      <c r="H8" s="21">
        <v>4</v>
      </c>
      <c r="I8" s="20">
        <v>365193</v>
      </c>
      <c r="J8" s="23">
        <v>5</v>
      </c>
      <c r="K8" s="24"/>
      <c r="L8" s="24"/>
      <c r="M8" s="24"/>
      <c r="N8" s="24"/>
      <c r="O8" s="24"/>
      <c r="P8" s="24"/>
      <c r="Q8" s="24"/>
      <c r="R8" s="24"/>
      <c r="S8" s="24"/>
      <c r="T8" s="24"/>
      <c r="U8" s="24"/>
      <c r="V8" s="24"/>
      <c r="W8" s="24"/>
      <c r="X8" s="24"/>
      <c r="Y8" s="24"/>
      <c r="Z8" s="24"/>
      <c r="AA8" s="24"/>
      <c r="AB8" s="24"/>
      <c r="AC8" s="24"/>
      <c r="AD8" s="24"/>
      <c r="AE8" s="24"/>
      <c r="AF8" s="24"/>
      <c r="AG8" s="24"/>
      <c r="AH8" s="24"/>
      <c r="AI8" s="24"/>
      <c r="AJ8" s="24"/>
      <c r="AK8" s="24"/>
      <c r="AL8" s="24"/>
      <c r="AM8" s="25"/>
    </row>
    <row r="9" spans="1:39" ht="17.100000000000001" customHeight="1" x14ac:dyDescent="0.15">
      <c r="A9" s="26">
        <v>4</v>
      </c>
      <c r="B9" s="19" t="s">
        <v>11</v>
      </c>
      <c r="C9" s="20">
        <v>337861</v>
      </c>
      <c r="D9" s="21">
        <v>20</v>
      </c>
      <c r="E9" s="20">
        <v>403547</v>
      </c>
      <c r="F9" s="21">
        <v>13</v>
      </c>
      <c r="G9" s="20">
        <v>494199</v>
      </c>
      <c r="H9" s="21">
        <v>18</v>
      </c>
      <c r="I9" s="20">
        <v>339013</v>
      </c>
      <c r="J9" s="23">
        <v>20</v>
      </c>
      <c r="K9" s="24"/>
      <c r="L9" s="24"/>
      <c r="M9" s="24"/>
      <c r="N9" s="24"/>
      <c r="O9" s="24"/>
      <c r="P9" s="24"/>
      <c r="Q9" s="24"/>
      <c r="R9" s="24"/>
      <c r="S9" s="24"/>
      <c r="T9" s="24"/>
      <c r="U9" s="24"/>
      <c r="V9" s="24"/>
      <c r="W9" s="24"/>
      <c r="X9" s="24"/>
      <c r="Y9" s="24"/>
      <c r="Z9" s="24"/>
      <c r="AA9" s="24"/>
      <c r="AB9" s="24"/>
      <c r="AC9" s="24"/>
      <c r="AD9" s="24"/>
      <c r="AE9" s="24"/>
      <c r="AF9" s="24"/>
      <c r="AG9" s="24"/>
      <c r="AH9" s="24"/>
      <c r="AI9" s="24"/>
      <c r="AJ9" s="24"/>
      <c r="AK9" s="24"/>
      <c r="AL9" s="24"/>
      <c r="AM9" s="25"/>
    </row>
    <row r="10" spans="1:39" ht="17.100000000000001" customHeight="1" x14ac:dyDescent="0.15">
      <c r="A10" s="26">
        <v>5</v>
      </c>
      <c r="B10" s="19" t="s">
        <v>12</v>
      </c>
      <c r="C10" s="20">
        <v>334301</v>
      </c>
      <c r="D10" s="21">
        <v>21</v>
      </c>
      <c r="E10" s="20">
        <v>400844</v>
      </c>
      <c r="F10" s="21">
        <v>14</v>
      </c>
      <c r="G10" s="20">
        <v>483478</v>
      </c>
      <c r="H10" s="21">
        <v>24</v>
      </c>
      <c r="I10" s="20">
        <v>335633</v>
      </c>
      <c r="J10" s="23">
        <v>21</v>
      </c>
      <c r="K10" s="24"/>
      <c r="L10" s="24"/>
      <c r="M10" s="24"/>
      <c r="N10" s="24"/>
      <c r="O10" s="24"/>
      <c r="P10" s="24"/>
      <c r="Q10" s="24"/>
      <c r="R10" s="24"/>
      <c r="S10" s="24"/>
      <c r="T10" s="24"/>
      <c r="U10" s="24"/>
      <c r="V10" s="24"/>
      <c r="W10" s="24"/>
      <c r="X10" s="24"/>
      <c r="Y10" s="24"/>
      <c r="Z10" s="24"/>
      <c r="AA10" s="24"/>
      <c r="AB10" s="24"/>
      <c r="AC10" s="24"/>
      <c r="AD10" s="24"/>
      <c r="AE10" s="24"/>
      <c r="AF10" s="24"/>
      <c r="AG10" s="24"/>
      <c r="AH10" s="24"/>
      <c r="AI10" s="24"/>
      <c r="AJ10" s="24"/>
      <c r="AK10" s="24"/>
      <c r="AL10" s="24"/>
      <c r="AM10" s="25"/>
    </row>
    <row r="11" spans="1:39" ht="17.100000000000001" customHeight="1" x14ac:dyDescent="0.15">
      <c r="A11" s="26">
        <v>6</v>
      </c>
      <c r="B11" s="19" t="s">
        <v>13</v>
      </c>
      <c r="C11" s="20">
        <v>322354</v>
      </c>
      <c r="D11" s="21">
        <v>27</v>
      </c>
      <c r="E11" s="20">
        <v>354361</v>
      </c>
      <c r="F11" s="21">
        <v>24</v>
      </c>
      <c r="G11" s="20">
        <v>488711</v>
      </c>
      <c r="H11" s="21">
        <v>22</v>
      </c>
      <c r="I11" s="20">
        <v>323077</v>
      </c>
      <c r="J11" s="23">
        <v>27</v>
      </c>
      <c r="K11" s="24"/>
      <c r="L11" s="24"/>
      <c r="M11" s="24"/>
      <c r="N11" s="24"/>
      <c r="O11" s="24"/>
      <c r="P11" s="24"/>
      <c r="Q11" s="24"/>
      <c r="R11" s="24"/>
      <c r="S11" s="24"/>
      <c r="T11" s="24"/>
      <c r="U11" s="24"/>
      <c r="V11" s="24"/>
      <c r="W11" s="24"/>
      <c r="X11" s="24"/>
      <c r="Y11" s="24"/>
      <c r="Z11" s="24"/>
      <c r="AA11" s="24"/>
      <c r="AB11" s="24"/>
      <c r="AC11" s="24"/>
      <c r="AD11" s="24"/>
      <c r="AE11" s="24"/>
      <c r="AF11" s="24"/>
      <c r="AG11" s="24"/>
      <c r="AH11" s="24"/>
      <c r="AI11" s="24"/>
      <c r="AJ11" s="24"/>
      <c r="AK11" s="24"/>
      <c r="AL11" s="24"/>
      <c r="AM11" s="25"/>
    </row>
    <row r="12" spans="1:39" ht="17.100000000000001" customHeight="1" x14ac:dyDescent="0.15">
      <c r="A12" s="26">
        <v>7</v>
      </c>
      <c r="B12" s="19" t="s">
        <v>14</v>
      </c>
      <c r="C12" s="20">
        <v>356004</v>
      </c>
      <c r="D12" s="21">
        <v>9</v>
      </c>
      <c r="E12" s="20">
        <v>376943</v>
      </c>
      <c r="F12" s="21">
        <v>19</v>
      </c>
      <c r="G12" s="20">
        <v>505808</v>
      </c>
      <c r="H12" s="21">
        <v>10</v>
      </c>
      <c r="I12" s="20">
        <v>356478</v>
      </c>
      <c r="J12" s="23">
        <v>9</v>
      </c>
      <c r="K12" s="24"/>
      <c r="L12" s="24"/>
      <c r="M12" s="24"/>
      <c r="N12" s="24"/>
      <c r="O12" s="24"/>
      <c r="P12" s="24"/>
      <c r="Q12" s="24"/>
      <c r="R12" s="24"/>
      <c r="S12" s="24"/>
      <c r="T12" s="24"/>
      <c r="U12" s="24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  <c r="AG12" s="24"/>
      <c r="AH12" s="24"/>
      <c r="AI12" s="24"/>
      <c r="AJ12" s="24"/>
      <c r="AK12" s="24"/>
      <c r="AL12" s="24"/>
      <c r="AM12" s="25"/>
    </row>
    <row r="13" spans="1:39" ht="17.100000000000001" customHeight="1" x14ac:dyDescent="0.15">
      <c r="A13" s="26">
        <v>8</v>
      </c>
      <c r="B13" s="19" t="s">
        <v>15</v>
      </c>
      <c r="C13" s="20">
        <v>322386</v>
      </c>
      <c r="D13" s="21">
        <v>26</v>
      </c>
      <c r="E13" s="20">
        <v>367064</v>
      </c>
      <c r="F13" s="21">
        <v>21</v>
      </c>
      <c r="G13" s="20">
        <v>476720</v>
      </c>
      <c r="H13" s="21">
        <v>27</v>
      </c>
      <c r="I13" s="20">
        <v>323448</v>
      </c>
      <c r="J13" s="23">
        <v>26</v>
      </c>
      <c r="K13" s="24"/>
      <c r="L13" s="24"/>
      <c r="M13" s="24"/>
      <c r="N13" s="24"/>
      <c r="O13" s="24"/>
      <c r="P13" s="24"/>
      <c r="Q13" s="24"/>
      <c r="R13" s="24"/>
      <c r="S13" s="24"/>
      <c r="T13" s="24"/>
      <c r="U13" s="24"/>
      <c r="V13" s="24"/>
      <c r="W13" s="24"/>
      <c r="X13" s="24"/>
      <c r="Y13" s="24"/>
      <c r="Z13" s="24"/>
      <c r="AA13" s="24"/>
      <c r="AB13" s="24"/>
      <c r="AC13" s="24"/>
      <c r="AD13" s="24"/>
      <c r="AE13" s="24"/>
      <c r="AF13" s="24"/>
      <c r="AG13" s="24"/>
      <c r="AH13" s="24"/>
      <c r="AI13" s="24"/>
      <c r="AJ13" s="24"/>
      <c r="AK13" s="24"/>
      <c r="AL13" s="24"/>
      <c r="AM13" s="25"/>
    </row>
    <row r="14" spans="1:39" ht="17.100000000000001" customHeight="1" x14ac:dyDescent="0.15">
      <c r="A14" s="26">
        <v>9</v>
      </c>
      <c r="B14" s="19" t="s">
        <v>16</v>
      </c>
      <c r="C14" s="20">
        <v>353730</v>
      </c>
      <c r="D14" s="21">
        <v>10</v>
      </c>
      <c r="E14" s="20">
        <v>405158</v>
      </c>
      <c r="F14" s="21">
        <v>12</v>
      </c>
      <c r="G14" s="20">
        <v>521917</v>
      </c>
      <c r="H14" s="21">
        <v>6</v>
      </c>
      <c r="I14" s="20">
        <v>354632</v>
      </c>
      <c r="J14" s="23">
        <v>10</v>
      </c>
      <c r="K14" s="24"/>
      <c r="L14" s="24"/>
      <c r="M14" s="24"/>
      <c r="N14" s="24"/>
      <c r="O14" s="24"/>
      <c r="P14" s="24"/>
      <c r="Q14" s="24"/>
      <c r="R14" s="24"/>
      <c r="S14" s="24"/>
      <c r="T14" s="24"/>
      <c r="U14" s="24"/>
      <c r="V14" s="24"/>
      <c r="W14" s="24"/>
      <c r="X14" s="24"/>
      <c r="Y14" s="24"/>
      <c r="Z14" s="24"/>
      <c r="AA14" s="24"/>
      <c r="AB14" s="24"/>
      <c r="AC14" s="24"/>
      <c r="AD14" s="24"/>
      <c r="AE14" s="24"/>
      <c r="AF14" s="24"/>
      <c r="AG14" s="24"/>
      <c r="AH14" s="24"/>
      <c r="AI14" s="24"/>
      <c r="AJ14" s="24"/>
      <c r="AK14" s="24"/>
      <c r="AL14" s="24"/>
      <c r="AM14" s="25"/>
    </row>
    <row r="15" spans="1:39" ht="17.100000000000001" customHeight="1" x14ac:dyDescent="0.15">
      <c r="A15" s="26">
        <v>10</v>
      </c>
      <c r="B15" s="19" t="s">
        <v>17</v>
      </c>
      <c r="C15" s="20">
        <v>323291</v>
      </c>
      <c r="D15" s="21">
        <v>25</v>
      </c>
      <c r="E15" s="20">
        <v>439573</v>
      </c>
      <c r="F15" s="21">
        <v>4</v>
      </c>
      <c r="G15" s="20">
        <v>496330</v>
      </c>
      <c r="H15" s="21">
        <v>15</v>
      </c>
      <c r="I15" s="20">
        <v>325125</v>
      </c>
      <c r="J15" s="23">
        <v>25</v>
      </c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4"/>
      <c r="X15" s="24"/>
      <c r="Y15" s="24"/>
      <c r="Z15" s="24"/>
      <c r="AA15" s="24"/>
      <c r="AB15" s="24"/>
      <c r="AC15" s="24"/>
      <c r="AD15" s="24"/>
      <c r="AE15" s="24"/>
      <c r="AF15" s="24"/>
      <c r="AG15" s="24"/>
      <c r="AH15" s="24"/>
      <c r="AI15" s="24"/>
      <c r="AJ15" s="24"/>
      <c r="AK15" s="24"/>
      <c r="AL15" s="24"/>
      <c r="AM15" s="25"/>
    </row>
    <row r="16" spans="1:39" ht="17.100000000000001" customHeight="1" x14ac:dyDescent="0.15">
      <c r="A16" s="26">
        <v>11</v>
      </c>
      <c r="B16" s="19" t="s">
        <v>18</v>
      </c>
      <c r="C16" s="20">
        <v>340106</v>
      </c>
      <c r="D16" s="21">
        <v>18</v>
      </c>
      <c r="E16" s="20">
        <v>413031</v>
      </c>
      <c r="F16" s="21">
        <v>9</v>
      </c>
      <c r="G16" s="20">
        <v>496246</v>
      </c>
      <c r="H16" s="21">
        <v>17</v>
      </c>
      <c r="I16" s="20">
        <v>341852</v>
      </c>
      <c r="J16" s="23">
        <v>18</v>
      </c>
      <c r="K16" s="24"/>
      <c r="L16" s="24"/>
      <c r="M16" s="24"/>
      <c r="N16" s="24"/>
      <c r="O16" s="24"/>
      <c r="P16" s="24"/>
      <c r="Q16" s="24"/>
      <c r="R16" s="24"/>
      <c r="S16" s="24"/>
      <c r="T16" s="24"/>
      <c r="U16" s="24"/>
      <c r="V16" s="24"/>
      <c r="W16" s="24"/>
      <c r="X16" s="24"/>
      <c r="Y16" s="24"/>
      <c r="Z16" s="24"/>
      <c r="AA16" s="24"/>
      <c r="AB16" s="24"/>
      <c r="AC16" s="24"/>
      <c r="AD16" s="24"/>
      <c r="AE16" s="24"/>
      <c r="AF16" s="24"/>
      <c r="AG16" s="24"/>
      <c r="AH16" s="24"/>
      <c r="AI16" s="24"/>
      <c r="AJ16" s="24"/>
      <c r="AK16" s="24"/>
      <c r="AL16" s="24"/>
      <c r="AM16" s="25"/>
    </row>
    <row r="17" spans="1:39" ht="17.100000000000001" customHeight="1" x14ac:dyDescent="0.15">
      <c r="A17" s="26">
        <v>12</v>
      </c>
      <c r="B17" s="19" t="s">
        <v>19</v>
      </c>
      <c r="C17" s="20">
        <v>333733</v>
      </c>
      <c r="D17" s="21">
        <v>22</v>
      </c>
      <c r="E17" s="20">
        <v>338083</v>
      </c>
      <c r="F17" s="21">
        <v>29</v>
      </c>
      <c r="G17" s="20">
        <v>458445</v>
      </c>
      <c r="H17" s="21">
        <v>30</v>
      </c>
      <c r="I17" s="20">
        <v>333863</v>
      </c>
      <c r="J17" s="23">
        <v>22</v>
      </c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24"/>
      <c r="AK17" s="24"/>
      <c r="AL17" s="24"/>
      <c r="AM17" s="25"/>
    </row>
    <row r="18" spans="1:39" ht="17.100000000000001" customHeight="1" x14ac:dyDescent="0.15">
      <c r="A18" s="26">
        <v>13</v>
      </c>
      <c r="B18" s="19" t="s">
        <v>20</v>
      </c>
      <c r="C18" s="20">
        <v>328897</v>
      </c>
      <c r="D18" s="21">
        <v>23</v>
      </c>
      <c r="E18" s="20">
        <v>395610</v>
      </c>
      <c r="F18" s="21">
        <v>16</v>
      </c>
      <c r="G18" s="20">
        <v>499557</v>
      </c>
      <c r="H18" s="21">
        <v>13</v>
      </c>
      <c r="I18" s="20">
        <v>330521</v>
      </c>
      <c r="J18" s="23">
        <v>23</v>
      </c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24"/>
      <c r="AI18" s="24"/>
      <c r="AJ18" s="24"/>
      <c r="AK18" s="24"/>
      <c r="AL18" s="24"/>
      <c r="AM18" s="25"/>
    </row>
    <row r="19" spans="1:39" ht="17.100000000000001" customHeight="1" x14ac:dyDescent="0.15">
      <c r="A19" s="26">
        <v>14</v>
      </c>
      <c r="B19" s="19" t="s">
        <v>21</v>
      </c>
      <c r="C19" s="20">
        <v>320130</v>
      </c>
      <c r="D19" s="21">
        <v>28</v>
      </c>
      <c r="E19" s="20">
        <v>383456</v>
      </c>
      <c r="F19" s="21">
        <v>17</v>
      </c>
      <c r="G19" s="20">
        <v>498478</v>
      </c>
      <c r="H19" s="21">
        <v>14</v>
      </c>
      <c r="I19" s="20">
        <v>321158</v>
      </c>
      <c r="J19" s="23">
        <v>29</v>
      </c>
      <c r="K19" s="24"/>
      <c r="L19" s="24"/>
      <c r="M19" s="24"/>
      <c r="N19" s="24"/>
      <c r="O19" s="24"/>
      <c r="P19" s="24"/>
      <c r="Q19" s="24"/>
      <c r="R19" s="24"/>
      <c r="S19" s="24"/>
      <c r="T19" s="24"/>
      <c r="U19" s="24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24"/>
      <c r="AI19" s="24"/>
      <c r="AJ19" s="24"/>
      <c r="AK19" s="24"/>
      <c r="AL19" s="24"/>
      <c r="AM19" s="25"/>
    </row>
    <row r="20" spans="1:39" ht="17.100000000000001" customHeight="1" x14ac:dyDescent="0.15">
      <c r="A20" s="26">
        <v>15</v>
      </c>
      <c r="B20" s="19" t="s">
        <v>22</v>
      </c>
      <c r="C20" s="20">
        <v>345892</v>
      </c>
      <c r="D20" s="21">
        <v>14</v>
      </c>
      <c r="E20" s="20">
        <v>349776</v>
      </c>
      <c r="F20" s="21">
        <v>25</v>
      </c>
      <c r="G20" s="20">
        <v>492675</v>
      </c>
      <c r="H20" s="21">
        <v>20</v>
      </c>
      <c r="I20" s="20">
        <v>346003</v>
      </c>
      <c r="J20" s="23">
        <v>15</v>
      </c>
      <c r="K20" s="24"/>
      <c r="L20" s="24"/>
      <c r="M20" s="24"/>
      <c r="N20" s="24"/>
      <c r="O20" s="24"/>
      <c r="P20" s="24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  <c r="AF20" s="24"/>
      <c r="AG20" s="24"/>
      <c r="AH20" s="24"/>
      <c r="AI20" s="24"/>
      <c r="AJ20" s="24"/>
      <c r="AK20" s="24"/>
      <c r="AL20" s="24"/>
      <c r="AM20" s="25"/>
    </row>
    <row r="21" spans="1:39" ht="17.100000000000001" customHeight="1" x14ac:dyDescent="0.15">
      <c r="A21" s="26">
        <v>16</v>
      </c>
      <c r="B21" s="19" t="s">
        <v>23</v>
      </c>
      <c r="C21" s="20">
        <v>314926</v>
      </c>
      <c r="D21" s="21">
        <v>31</v>
      </c>
      <c r="E21" s="20">
        <v>368855</v>
      </c>
      <c r="F21" s="21">
        <v>20</v>
      </c>
      <c r="G21" s="20">
        <v>450063</v>
      </c>
      <c r="H21" s="21">
        <v>31</v>
      </c>
      <c r="I21" s="20">
        <v>316024</v>
      </c>
      <c r="J21" s="23">
        <v>31</v>
      </c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24"/>
      <c r="AL21" s="24"/>
      <c r="AM21" s="25"/>
    </row>
    <row r="22" spans="1:39" ht="17.100000000000001" customHeight="1" x14ac:dyDescent="0.15">
      <c r="A22" s="26">
        <v>17</v>
      </c>
      <c r="B22" s="19" t="s">
        <v>24</v>
      </c>
      <c r="C22" s="20">
        <v>317978</v>
      </c>
      <c r="D22" s="21">
        <v>29</v>
      </c>
      <c r="E22" s="20">
        <v>454494</v>
      </c>
      <c r="F22" s="21">
        <v>3</v>
      </c>
      <c r="G22" s="20">
        <v>482118</v>
      </c>
      <c r="H22" s="21">
        <v>26</v>
      </c>
      <c r="I22" s="20">
        <v>321283</v>
      </c>
      <c r="J22" s="23">
        <v>28</v>
      </c>
      <c r="K22" s="24"/>
      <c r="L22" s="24"/>
      <c r="M22" s="24"/>
      <c r="N22" s="24"/>
      <c r="O22" s="24"/>
      <c r="P22" s="24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24"/>
      <c r="AG22" s="24"/>
      <c r="AH22" s="24"/>
      <c r="AI22" s="24"/>
      <c r="AJ22" s="24"/>
      <c r="AK22" s="24"/>
      <c r="AL22" s="24"/>
      <c r="AM22" s="25"/>
    </row>
    <row r="23" spans="1:39" ht="17.100000000000001" customHeight="1" x14ac:dyDescent="0.15">
      <c r="A23" s="26">
        <v>18</v>
      </c>
      <c r="B23" s="19" t="s">
        <v>25</v>
      </c>
      <c r="C23" s="20">
        <v>357805</v>
      </c>
      <c r="D23" s="21">
        <v>8</v>
      </c>
      <c r="E23" s="20">
        <v>395859</v>
      </c>
      <c r="F23" s="21">
        <v>15</v>
      </c>
      <c r="G23" s="20">
        <v>504756</v>
      </c>
      <c r="H23" s="21">
        <v>11</v>
      </c>
      <c r="I23" s="20">
        <v>358920</v>
      </c>
      <c r="J23" s="23">
        <v>8</v>
      </c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4"/>
      <c r="AL23" s="24"/>
      <c r="AM23" s="25"/>
    </row>
    <row r="24" spans="1:39" ht="17.100000000000001" customHeight="1" thickBot="1" x14ac:dyDescent="0.2">
      <c r="A24" s="28">
        <v>21</v>
      </c>
      <c r="B24" s="29" t="s">
        <v>26</v>
      </c>
      <c r="C24" s="30">
        <v>317846</v>
      </c>
      <c r="D24" s="31">
        <v>30</v>
      </c>
      <c r="E24" s="30">
        <v>344442</v>
      </c>
      <c r="F24" s="31">
        <v>28</v>
      </c>
      <c r="G24" s="30">
        <v>467001</v>
      </c>
      <c r="H24" s="31">
        <v>29</v>
      </c>
      <c r="I24" s="30">
        <v>318468</v>
      </c>
      <c r="J24" s="32">
        <v>30</v>
      </c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4"/>
      <c r="AK24" s="24"/>
      <c r="AL24" s="24"/>
      <c r="AM24" s="25"/>
    </row>
    <row r="25" spans="1:39" ht="17.100000000000001" customHeight="1" thickTop="1" x14ac:dyDescent="0.15">
      <c r="A25" s="18">
        <v>19</v>
      </c>
      <c r="B25" s="33" t="s">
        <v>27</v>
      </c>
      <c r="C25" s="20">
        <v>303623</v>
      </c>
      <c r="D25" s="21">
        <v>32</v>
      </c>
      <c r="E25" s="20">
        <v>406596</v>
      </c>
      <c r="F25" s="21">
        <v>11</v>
      </c>
      <c r="G25" s="20">
        <v>467477</v>
      </c>
      <c r="H25" s="21">
        <v>28</v>
      </c>
      <c r="I25" s="20">
        <v>305499</v>
      </c>
      <c r="J25" s="23">
        <v>32</v>
      </c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  <c r="AI25" s="24"/>
      <c r="AJ25" s="24"/>
      <c r="AK25" s="24"/>
      <c r="AL25" s="24"/>
      <c r="AM25" s="25"/>
    </row>
    <row r="26" spans="1:39" ht="17.100000000000001" customHeight="1" x14ac:dyDescent="0.15">
      <c r="A26" s="26">
        <v>20</v>
      </c>
      <c r="B26" s="19" t="s">
        <v>28</v>
      </c>
      <c r="C26" s="20">
        <v>343078</v>
      </c>
      <c r="D26" s="21">
        <v>16</v>
      </c>
      <c r="E26" s="20">
        <v>348488</v>
      </c>
      <c r="F26" s="21">
        <v>26</v>
      </c>
      <c r="G26" s="20">
        <v>488404</v>
      </c>
      <c r="H26" s="21">
        <v>23</v>
      </c>
      <c r="I26" s="20">
        <v>343220</v>
      </c>
      <c r="J26" s="23">
        <v>17</v>
      </c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4"/>
      <c r="X26" s="24"/>
      <c r="Y26" s="24"/>
      <c r="Z26" s="24"/>
      <c r="AA26" s="24"/>
      <c r="AB26" s="24"/>
      <c r="AC26" s="24"/>
      <c r="AD26" s="24"/>
      <c r="AE26" s="24"/>
      <c r="AF26" s="24"/>
      <c r="AG26" s="24"/>
      <c r="AH26" s="24"/>
      <c r="AI26" s="24"/>
      <c r="AJ26" s="24"/>
      <c r="AK26" s="24"/>
      <c r="AL26" s="24"/>
      <c r="AM26" s="25"/>
    </row>
    <row r="27" spans="1:39" ht="17.100000000000001" customHeight="1" x14ac:dyDescent="0.15">
      <c r="A27" s="26">
        <v>22</v>
      </c>
      <c r="B27" s="19" t="s">
        <v>29</v>
      </c>
      <c r="C27" s="20">
        <v>346643</v>
      </c>
      <c r="D27" s="21">
        <v>13</v>
      </c>
      <c r="E27" s="20">
        <v>356326</v>
      </c>
      <c r="F27" s="21">
        <v>22</v>
      </c>
      <c r="G27" s="20">
        <v>482149</v>
      </c>
      <c r="H27" s="21">
        <v>25</v>
      </c>
      <c r="I27" s="20">
        <v>346865</v>
      </c>
      <c r="J27" s="23">
        <v>14</v>
      </c>
      <c r="K27" s="24"/>
      <c r="L27" s="24"/>
      <c r="M27" s="24"/>
      <c r="N27" s="24"/>
      <c r="O27" s="24"/>
      <c r="P27" s="24"/>
      <c r="Q27" s="24"/>
      <c r="R27" s="24"/>
      <c r="S27" s="24"/>
      <c r="T27" s="24"/>
      <c r="U27" s="24"/>
      <c r="V27" s="24"/>
      <c r="W27" s="24"/>
      <c r="X27" s="24"/>
      <c r="Y27" s="24"/>
      <c r="Z27" s="24"/>
      <c r="AA27" s="24"/>
      <c r="AB27" s="24"/>
      <c r="AC27" s="24"/>
      <c r="AD27" s="24"/>
      <c r="AE27" s="24"/>
      <c r="AF27" s="24"/>
      <c r="AG27" s="24"/>
      <c r="AH27" s="24"/>
      <c r="AI27" s="24"/>
      <c r="AJ27" s="24"/>
      <c r="AK27" s="24"/>
      <c r="AL27" s="24"/>
      <c r="AM27" s="25"/>
    </row>
    <row r="28" spans="1:39" ht="17.100000000000001" customHeight="1" x14ac:dyDescent="0.15">
      <c r="A28" s="26">
        <v>23</v>
      </c>
      <c r="B28" s="19" t="s">
        <v>30</v>
      </c>
      <c r="C28" s="20">
        <v>359877</v>
      </c>
      <c r="D28" s="21">
        <v>7</v>
      </c>
      <c r="E28" s="20">
        <v>379071</v>
      </c>
      <c r="F28" s="21">
        <v>18</v>
      </c>
      <c r="G28" s="20">
        <v>489871</v>
      </c>
      <c r="H28" s="21">
        <v>21</v>
      </c>
      <c r="I28" s="20">
        <v>360461</v>
      </c>
      <c r="J28" s="23">
        <v>7</v>
      </c>
      <c r="K28" s="24"/>
      <c r="L28" s="24"/>
      <c r="M28" s="24"/>
      <c r="N28" s="24"/>
      <c r="O28" s="24"/>
      <c r="P28" s="24"/>
      <c r="Q28" s="24"/>
      <c r="R28" s="24"/>
      <c r="S28" s="24"/>
      <c r="T28" s="24"/>
      <c r="U28" s="24"/>
      <c r="V28" s="24"/>
      <c r="W28" s="24"/>
      <c r="X28" s="24"/>
      <c r="Y28" s="24"/>
      <c r="Z28" s="24"/>
      <c r="AA28" s="24"/>
      <c r="AB28" s="24"/>
      <c r="AC28" s="24"/>
      <c r="AD28" s="24"/>
      <c r="AE28" s="24"/>
      <c r="AF28" s="24"/>
      <c r="AG28" s="24"/>
      <c r="AH28" s="24"/>
      <c r="AI28" s="24"/>
      <c r="AJ28" s="24"/>
      <c r="AK28" s="24"/>
      <c r="AL28" s="24"/>
      <c r="AM28" s="25"/>
    </row>
    <row r="29" spans="1:39" ht="17.100000000000001" customHeight="1" x14ac:dyDescent="0.15">
      <c r="A29" s="26">
        <v>24</v>
      </c>
      <c r="B29" s="19" t="s">
        <v>31</v>
      </c>
      <c r="C29" s="20">
        <v>345035</v>
      </c>
      <c r="D29" s="21">
        <v>15</v>
      </c>
      <c r="E29" s="20">
        <v>518637</v>
      </c>
      <c r="F29" s="21">
        <v>1</v>
      </c>
      <c r="G29" s="20">
        <v>496316</v>
      </c>
      <c r="H29" s="21">
        <v>16</v>
      </c>
      <c r="I29" s="20">
        <v>351567</v>
      </c>
      <c r="J29" s="23">
        <v>12</v>
      </c>
      <c r="K29" s="24"/>
      <c r="L29" s="24"/>
      <c r="M29" s="24"/>
      <c r="N29" s="24"/>
      <c r="O29" s="24"/>
      <c r="P29" s="24"/>
      <c r="Q29" s="24"/>
      <c r="R29" s="24"/>
      <c r="S29" s="24"/>
      <c r="T29" s="24"/>
      <c r="U29" s="24"/>
      <c r="V29" s="24"/>
      <c r="W29" s="24"/>
      <c r="X29" s="24"/>
      <c r="Y29" s="24"/>
      <c r="Z29" s="24"/>
      <c r="AA29" s="24"/>
      <c r="AB29" s="24"/>
      <c r="AC29" s="24"/>
      <c r="AD29" s="24"/>
      <c r="AE29" s="24"/>
      <c r="AF29" s="24"/>
      <c r="AG29" s="24"/>
      <c r="AH29" s="24"/>
      <c r="AI29" s="24"/>
      <c r="AJ29" s="24"/>
      <c r="AK29" s="24"/>
      <c r="AL29" s="24"/>
      <c r="AM29" s="25"/>
    </row>
    <row r="30" spans="1:39" ht="17.100000000000001" customHeight="1" x14ac:dyDescent="0.15">
      <c r="A30" s="26">
        <v>25</v>
      </c>
      <c r="B30" s="19" t="s">
        <v>32</v>
      </c>
      <c r="C30" s="20">
        <v>295246</v>
      </c>
      <c r="D30" s="21">
        <v>33</v>
      </c>
      <c r="E30" s="20">
        <v>275874</v>
      </c>
      <c r="F30" s="21">
        <v>31</v>
      </c>
      <c r="G30" s="20">
        <v>434369</v>
      </c>
      <c r="H30" s="21">
        <v>33</v>
      </c>
      <c r="I30" s="20">
        <v>294729</v>
      </c>
      <c r="J30" s="23">
        <v>33</v>
      </c>
      <c r="K30" s="24"/>
      <c r="L30" s="24"/>
      <c r="M30" s="24"/>
      <c r="N30" s="24"/>
      <c r="O30" s="24"/>
      <c r="P30" s="24"/>
      <c r="Q30" s="24"/>
      <c r="R30" s="24"/>
      <c r="S30" s="24"/>
      <c r="T30" s="24"/>
      <c r="U30" s="24"/>
      <c r="V30" s="24"/>
      <c r="W30" s="24"/>
      <c r="X30" s="24"/>
      <c r="Y30" s="24"/>
      <c r="Z30" s="24"/>
      <c r="AA30" s="24"/>
      <c r="AB30" s="24"/>
      <c r="AC30" s="24"/>
      <c r="AD30" s="24"/>
      <c r="AE30" s="24"/>
      <c r="AF30" s="24"/>
      <c r="AG30" s="24"/>
      <c r="AH30" s="24"/>
      <c r="AI30" s="24"/>
      <c r="AJ30" s="24"/>
      <c r="AK30" s="24"/>
      <c r="AL30" s="24"/>
      <c r="AM30" s="25"/>
    </row>
    <row r="31" spans="1:39" ht="17.100000000000001" customHeight="1" x14ac:dyDescent="0.15">
      <c r="A31" s="26">
        <v>26</v>
      </c>
      <c r="B31" s="19" t="s">
        <v>33</v>
      </c>
      <c r="C31" s="20">
        <v>389494</v>
      </c>
      <c r="D31" s="21">
        <v>2</v>
      </c>
      <c r="E31" s="20">
        <v>287318</v>
      </c>
      <c r="F31" s="21">
        <v>30</v>
      </c>
      <c r="G31" s="20">
        <v>519953</v>
      </c>
      <c r="H31" s="21">
        <v>7</v>
      </c>
      <c r="I31" s="20">
        <v>385501</v>
      </c>
      <c r="J31" s="23">
        <v>3</v>
      </c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/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24"/>
      <c r="AK31" s="24"/>
      <c r="AL31" s="24"/>
      <c r="AM31" s="25"/>
    </row>
    <row r="32" spans="1:39" ht="17.100000000000001" customHeight="1" x14ac:dyDescent="0.15">
      <c r="A32" s="26">
        <v>27</v>
      </c>
      <c r="B32" s="19" t="s">
        <v>34</v>
      </c>
      <c r="C32" s="20">
        <v>420046</v>
      </c>
      <c r="D32" s="21">
        <v>1</v>
      </c>
      <c r="E32" s="20">
        <v>345099</v>
      </c>
      <c r="F32" s="21">
        <v>27</v>
      </c>
      <c r="G32" s="20">
        <v>595639</v>
      </c>
      <c r="H32" s="21">
        <v>1</v>
      </c>
      <c r="I32" s="20">
        <v>416839</v>
      </c>
      <c r="J32" s="23">
        <v>1</v>
      </c>
      <c r="K32" s="24"/>
      <c r="L32" s="24"/>
      <c r="M32" s="24"/>
      <c r="N32" s="24"/>
      <c r="O32" s="24"/>
      <c r="P32" s="24"/>
      <c r="Q32" s="24"/>
      <c r="R32" s="24"/>
      <c r="S32" s="24"/>
      <c r="T32" s="24"/>
      <c r="U32" s="24"/>
      <c r="V32" s="24"/>
      <c r="W32" s="24"/>
      <c r="X32" s="24"/>
      <c r="Y32" s="24"/>
      <c r="Z32" s="24"/>
      <c r="AA32" s="24"/>
      <c r="AB32" s="24"/>
      <c r="AC32" s="24"/>
      <c r="AD32" s="24"/>
      <c r="AE32" s="24"/>
      <c r="AF32" s="24"/>
      <c r="AG32" s="24"/>
      <c r="AH32" s="24"/>
      <c r="AI32" s="24"/>
      <c r="AJ32" s="24"/>
      <c r="AK32" s="24"/>
      <c r="AL32" s="24"/>
      <c r="AM32" s="25"/>
    </row>
    <row r="33" spans="1:39" ht="17.100000000000001" customHeight="1" x14ac:dyDescent="0.15">
      <c r="A33" s="26">
        <v>28</v>
      </c>
      <c r="B33" s="19" t="s">
        <v>35</v>
      </c>
      <c r="C33" s="20">
        <v>382646</v>
      </c>
      <c r="D33" s="21">
        <v>4</v>
      </c>
      <c r="E33" s="20">
        <v>433127</v>
      </c>
      <c r="F33" s="21">
        <v>5</v>
      </c>
      <c r="G33" s="20">
        <v>535687</v>
      </c>
      <c r="H33" s="21">
        <v>3</v>
      </c>
      <c r="I33" s="20">
        <v>384543</v>
      </c>
      <c r="J33" s="23">
        <v>4</v>
      </c>
      <c r="K33" s="24"/>
      <c r="L33" s="24"/>
      <c r="M33" s="24"/>
      <c r="N33" s="24"/>
      <c r="O33" s="24"/>
      <c r="P33" s="24"/>
      <c r="Q33" s="24"/>
      <c r="R33" s="24"/>
      <c r="S33" s="24"/>
      <c r="T33" s="24"/>
      <c r="U33" s="24"/>
      <c r="V33" s="24"/>
      <c r="W33" s="24"/>
      <c r="X33" s="24"/>
      <c r="Y33" s="24"/>
      <c r="Z33" s="24"/>
      <c r="AA33" s="24"/>
      <c r="AB33" s="24"/>
      <c r="AC33" s="24"/>
      <c r="AD33" s="24"/>
      <c r="AE33" s="24"/>
      <c r="AF33" s="24"/>
      <c r="AG33" s="24"/>
      <c r="AH33" s="24"/>
      <c r="AI33" s="24"/>
      <c r="AJ33" s="24"/>
      <c r="AK33" s="24"/>
      <c r="AL33" s="24"/>
      <c r="AM33" s="25"/>
    </row>
    <row r="34" spans="1:39" ht="17.100000000000001" customHeight="1" x14ac:dyDescent="0.15">
      <c r="A34" s="26">
        <v>29</v>
      </c>
      <c r="B34" s="19" t="s">
        <v>36</v>
      </c>
      <c r="C34" s="20">
        <v>352259</v>
      </c>
      <c r="D34" s="21">
        <v>11</v>
      </c>
      <c r="E34" s="20">
        <v>225867</v>
      </c>
      <c r="F34" s="21">
        <v>32</v>
      </c>
      <c r="G34" s="20">
        <v>522482</v>
      </c>
      <c r="H34" s="21">
        <v>5</v>
      </c>
      <c r="I34" s="20">
        <v>350096</v>
      </c>
      <c r="J34" s="23">
        <v>13</v>
      </c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5"/>
    </row>
    <row r="35" spans="1:39" ht="17.100000000000001" customHeight="1" x14ac:dyDescent="0.15">
      <c r="A35" s="26">
        <v>30</v>
      </c>
      <c r="B35" s="19" t="s">
        <v>37</v>
      </c>
      <c r="C35" s="20">
        <v>388489</v>
      </c>
      <c r="D35" s="21">
        <v>3</v>
      </c>
      <c r="E35" s="20">
        <v>355517</v>
      </c>
      <c r="F35" s="21">
        <v>23</v>
      </c>
      <c r="G35" s="20">
        <v>515539</v>
      </c>
      <c r="H35" s="21">
        <v>8</v>
      </c>
      <c r="I35" s="20">
        <v>387978</v>
      </c>
      <c r="J35" s="23">
        <v>2</v>
      </c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5"/>
    </row>
    <row r="36" spans="1:39" ht="17.100000000000001" customHeight="1" x14ac:dyDescent="0.15">
      <c r="A36" s="26">
        <v>31</v>
      </c>
      <c r="B36" s="19" t="s">
        <v>38</v>
      </c>
      <c r="C36" s="20">
        <v>351934</v>
      </c>
      <c r="D36" s="21">
        <v>12</v>
      </c>
      <c r="E36" s="20">
        <v>426391</v>
      </c>
      <c r="F36" s="21">
        <v>6</v>
      </c>
      <c r="G36" s="20">
        <v>493317</v>
      </c>
      <c r="H36" s="21">
        <v>19</v>
      </c>
      <c r="I36" s="20">
        <v>352785</v>
      </c>
      <c r="J36" s="23">
        <v>11</v>
      </c>
      <c r="K36" s="24"/>
      <c r="L36" s="24"/>
      <c r="M36" s="24"/>
      <c r="N36" s="24"/>
      <c r="O36" s="24"/>
      <c r="P36" s="24"/>
      <c r="Q36" s="24"/>
      <c r="R36" s="24"/>
      <c r="S36" s="24"/>
      <c r="T36" s="24"/>
      <c r="U36" s="24"/>
      <c r="V36" s="24"/>
      <c r="W36" s="24"/>
      <c r="X36" s="24"/>
      <c r="Y36" s="24"/>
      <c r="Z36" s="24"/>
      <c r="AA36" s="24"/>
      <c r="AB36" s="24"/>
      <c r="AC36" s="24"/>
      <c r="AD36" s="24"/>
      <c r="AE36" s="24"/>
      <c r="AF36" s="24"/>
      <c r="AG36" s="24"/>
      <c r="AH36" s="24"/>
      <c r="AI36" s="24"/>
      <c r="AJ36" s="24"/>
      <c r="AK36" s="24"/>
      <c r="AL36" s="24"/>
      <c r="AM36" s="25"/>
    </row>
    <row r="37" spans="1:39" ht="17.100000000000001" customHeight="1" x14ac:dyDescent="0.15">
      <c r="A37" s="26">
        <v>32</v>
      </c>
      <c r="B37" s="19" t="s">
        <v>39</v>
      </c>
      <c r="C37" s="20">
        <v>342557</v>
      </c>
      <c r="D37" s="21">
        <v>17</v>
      </c>
      <c r="E37" s="20">
        <v>425650</v>
      </c>
      <c r="F37" s="21">
        <v>7</v>
      </c>
      <c r="G37" s="20">
        <v>502699</v>
      </c>
      <c r="H37" s="21">
        <v>12</v>
      </c>
      <c r="I37" s="20">
        <v>345080</v>
      </c>
      <c r="J37" s="23">
        <v>16</v>
      </c>
      <c r="K37" s="24"/>
      <c r="L37" s="24"/>
      <c r="M37" s="24"/>
      <c r="N37" s="24"/>
      <c r="O37" s="24"/>
      <c r="P37" s="24"/>
      <c r="Q37" s="24"/>
      <c r="R37" s="24"/>
      <c r="S37" s="24"/>
      <c r="T37" s="24"/>
      <c r="U37" s="24"/>
      <c r="V37" s="24"/>
      <c r="W37" s="24"/>
      <c r="X37" s="24"/>
      <c r="Y37" s="24"/>
      <c r="Z37" s="24"/>
      <c r="AA37" s="24"/>
      <c r="AB37" s="24"/>
      <c r="AC37" s="24"/>
      <c r="AD37" s="24"/>
      <c r="AE37" s="24"/>
      <c r="AF37" s="24"/>
      <c r="AG37" s="24"/>
      <c r="AH37" s="24"/>
      <c r="AI37" s="24"/>
      <c r="AJ37" s="24"/>
      <c r="AK37" s="24"/>
      <c r="AL37" s="24"/>
      <c r="AM37" s="25"/>
    </row>
    <row r="38" spans="1:39" ht="17.100000000000001" customHeight="1" thickBot="1" x14ac:dyDescent="0.2">
      <c r="A38" s="34">
        <v>33</v>
      </c>
      <c r="B38" s="29" t="s">
        <v>40</v>
      </c>
      <c r="C38" s="30">
        <v>366083</v>
      </c>
      <c r="D38" s="31">
        <v>5</v>
      </c>
      <c r="E38" s="30">
        <v>218175</v>
      </c>
      <c r="F38" s="31">
        <v>33</v>
      </c>
      <c r="G38" s="30">
        <v>445099</v>
      </c>
      <c r="H38" s="31">
        <v>32</v>
      </c>
      <c r="I38" s="30">
        <v>364222</v>
      </c>
      <c r="J38" s="32">
        <v>6</v>
      </c>
      <c r="K38" s="24"/>
      <c r="L38" s="24"/>
      <c r="M38" s="24"/>
      <c r="N38" s="24"/>
      <c r="O38" s="24"/>
      <c r="P38" s="24"/>
      <c r="Q38" s="24"/>
      <c r="R38" s="24"/>
      <c r="S38" s="24"/>
      <c r="T38" s="24"/>
      <c r="U38" s="24"/>
      <c r="V38" s="24"/>
      <c r="W38" s="24"/>
      <c r="X38" s="24"/>
      <c r="Y38" s="24"/>
      <c r="Z38" s="24"/>
      <c r="AA38" s="24"/>
      <c r="AB38" s="24"/>
      <c r="AC38" s="24"/>
      <c r="AD38" s="24"/>
      <c r="AE38" s="24"/>
      <c r="AF38" s="24"/>
      <c r="AG38" s="24"/>
      <c r="AH38" s="24"/>
      <c r="AI38" s="24"/>
      <c r="AJ38" s="24"/>
      <c r="AK38" s="24"/>
      <c r="AL38" s="24"/>
      <c r="AM38" s="25"/>
    </row>
    <row r="39" spans="1:39" ht="17.100000000000001" customHeight="1" thickTop="1" x14ac:dyDescent="0.15">
      <c r="A39" s="18">
        <v>301</v>
      </c>
      <c r="B39" s="35" t="s">
        <v>41</v>
      </c>
      <c r="C39" s="36">
        <v>184745</v>
      </c>
      <c r="D39" s="37">
        <v>5</v>
      </c>
      <c r="E39" s="38" t="s">
        <v>42</v>
      </c>
      <c r="F39" s="38" t="s">
        <v>42</v>
      </c>
      <c r="G39" s="36">
        <v>374657</v>
      </c>
      <c r="H39" s="37">
        <v>6</v>
      </c>
      <c r="I39" s="36">
        <v>184745</v>
      </c>
      <c r="J39" s="39">
        <v>5</v>
      </c>
      <c r="K39" s="24"/>
      <c r="L39" s="24"/>
      <c r="M39" s="24"/>
      <c r="N39" s="24"/>
      <c r="O39" s="24"/>
      <c r="P39" s="24"/>
      <c r="Q39" s="24"/>
      <c r="R39" s="24"/>
      <c r="S39" s="24"/>
      <c r="T39" s="24"/>
      <c r="U39" s="24"/>
      <c r="V39" s="24"/>
      <c r="W39" s="24"/>
      <c r="X39" s="24"/>
      <c r="Y39" s="24"/>
      <c r="Z39" s="24"/>
      <c r="AA39" s="24"/>
      <c r="AB39" s="24"/>
      <c r="AC39" s="24"/>
      <c r="AD39" s="24"/>
      <c r="AE39" s="24"/>
      <c r="AF39" s="24"/>
      <c r="AG39" s="24"/>
      <c r="AH39" s="24"/>
      <c r="AI39" s="24"/>
      <c r="AJ39" s="24"/>
      <c r="AK39" s="24"/>
      <c r="AL39" s="24"/>
      <c r="AM39" s="25"/>
    </row>
    <row r="40" spans="1:39" ht="17.100000000000001" customHeight="1" x14ac:dyDescent="0.15">
      <c r="A40" s="26">
        <v>302</v>
      </c>
      <c r="B40" s="35" t="s">
        <v>43</v>
      </c>
      <c r="C40" s="20">
        <v>158702</v>
      </c>
      <c r="D40" s="21">
        <v>6</v>
      </c>
      <c r="E40" s="40" t="s">
        <v>44</v>
      </c>
      <c r="F40" s="40" t="s">
        <v>45</v>
      </c>
      <c r="G40" s="20">
        <v>408944</v>
      </c>
      <c r="H40" s="21">
        <v>5</v>
      </c>
      <c r="I40" s="20">
        <v>158702</v>
      </c>
      <c r="J40" s="23">
        <v>6</v>
      </c>
      <c r="K40" s="24"/>
      <c r="L40" s="24"/>
      <c r="M40" s="24"/>
      <c r="N40" s="24"/>
      <c r="O40" s="24"/>
      <c r="P40" s="24"/>
      <c r="Q40" s="24"/>
      <c r="R40" s="24"/>
      <c r="S40" s="24"/>
      <c r="T40" s="24"/>
      <c r="U40" s="24"/>
      <c r="V40" s="24"/>
      <c r="W40" s="24"/>
      <c r="X40" s="24"/>
      <c r="Y40" s="24"/>
      <c r="Z40" s="24"/>
      <c r="AA40" s="24"/>
      <c r="AB40" s="24"/>
      <c r="AC40" s="24"/>
      <c r="AD40" s="24"/>
      <c r="AE40" s="24"/>
      <c r="AF40" s="24"/>
      <c r="AG40" s="24"/>
      <c r="AH40" s="24"/>
      <c r="AI40" s="24"/>
      <c r="AJ40" s="24"/>
      <c r="AK40" s="24"/>
      <c r="AL40" s="24"/>
      <c r="AM40" s="25"/>
    </row>
    <row r="41" spans="1:39" ht="17.100000000000001" customHeight="1" x14ac:dyDescent="0.15">
      <c r="A41" s="26">
        <v>303</v>
      </c>
      <c r="B41" s="35" t="s">
        <v>46</v>
      </c>
      <c r="C41" s="20">
        <v>242798</v>
      </c>
      <c r="D41" s="21">
        <v>1</v>
      </c>
      <c r="E41" s="38" t="s">
        <v>45</v>
      </c>
      <c r="F41" s="38" t="s">
        <v>42</v>
      </c>
      <c r="G41" s="20">
        <v>535928</v>
      </c>
      <c r="H41" s="21">
        <v>2</v>
      </c>
      <c r="I41" s="20">
        <v>242798</v>
      </c>
      <c r="J41" s="23">
        <v>1</v>
      </c>
      <c r="K41" s="24"/>
      <c r="L41" s="24"/>
      <c r="M41" s="24"/>
      <c r="N41" s="24"/>
      <c r="O41" s="24"/>
      <c r="P41" s="24"/>
      <c r="Q41" s="24"/>
      <c r="R41" s="24"/>
      <c r="S41" s="24"/>
      <c r="T41" s="24"/>
      <c r="U41" s="24"/>
      <c r="V41" s="24"/>
      <c r="W41" s="24"/>
      <c r="X41" s="24"/>
      <c r="Y41" s="24"/>
      <c r="Z41" s="24"/>
      <c r="AA41" s="24"/>
      <c r="AB41" s="24"/>
      <c r="AC41" s="24"/>
      <c r="AD41" s="24"/>
      <c r="AE41" s="24"/>
      <c r="AF41" s="24"/>
      <c r="AG41" s="24"/>
      <c r="AH41" s="24"/>
      <c r="AI41" s="24"/>
      <c r="AJ41" s="24"/>
      <c r="AK41" s="24"/>
      <c r="AL41" s="24"/>
      <c r="AM41" s="25"/>
    </row>
    <row r="42" spans="1:39" ht="17.100000000000001" customHeight="1" x14ac:dyDescent="0.15">
      <c r="A42" s="26">
        <v>304</v>
      </c>
      <c r="B42" s="35" t="s">
        <v>47</v>
      </c>
      <c r="C42" s="20">
        <v>190350</v>
      </c>
      <c r="D42" s="21">
        <v>4</v>
      </c>
      <c r="E42" s="40" t="s">
        <v>42</v>
      </c>
      <c r="F42" s="40" t="s">
        <v>42</v>
      </c>
      <c r="G42" s="20">
        <v>468827</v>
      </c>
      <c r="H42" s="21">
        <v>3</v>
      </c>
      <c r="I42" s="20">
        <v>190350</v>
      </c>
      <c r="J42" s="23">
        <v>4</v>
      </c>
      <c r="K42" s="24"/>
      <c r="L42" s="24"/>
      <c r="M42" s="24"/>
      <c r="N42" s="24"/>
      <c r="O42" s="24"/>
      <c r="P42" s="24"/>
      <c r="Q42" s="24"/>
      <c r="R42" s="24"/>
      <c r="S42" s="24"/>
      <c r="T42" s="24"/>
      <c r="U42" s="24"/>
      <c r="V42" s="24"/>
      <c r="W42" s="24"/>
      <c r="X42" s="24"/>
      <c r="Y42" s="24"/>
      <c r="Z42" s="24"/>
      <c r="AA42" s="24"/>
      <c r="AB42" s="24"/>
      <c r="AC42" s="24"/>
      <c r="AD42" s="24"/>
      <c r="AE42" s="24"/>
      <c r="AF42" s="24"/>
      <c r="AG42" s="24"/>
      <c r="AH42" s="24"/>
      <c r="AI42" s="24"/>
      <c r="AJ42" s="24"/>
      <c r="AK42" s="24"/>
      <c r="AL42" s="24"/>
      <c r="AM42" s="25"/>
    </row>
    <row r="43" spans="1:39" ht="17.100000000000001" customHeight="1" x14ac:dyDescent="0.15">
      <c r="A43" s="26">
        <v>305</v>
      </c>
      <c r="B43" s="35" t="s">
        <v>48</v>
      </c>
      <c r="C43" s="20">
        <v>191763</v>
      </c>
      <c r="D43" s="21">
        <v>3</v>
      </c>
      <c r="E43" s="38" t="s">
        <v>42</v>
      </c>
      <c r="F43" s="38" t="s">
        <v>44</v>
      </c>
      <c r="G43" s="20">
        <v>456846</v>
      </c>
      <c r="H43" s="21">
        <v>4</v>
      </c>
      <c r="I43" s="20">
        <v>191763</v>
      </c>
      <c r="J43" s="23">
        <v>3</v>
      </c>
      <c r="K43" s="24"/>
      <c r="L43" s="24"/>
      <c r="M43" s="24"/>
      <c r="N43" s="24"/>
      <c r="O43" s="24"/>
      <c r="P43" s="24"/>
      <c r="Q43" s="24"/>
      <c r="R43" s="24"/>
      <c r="S43" s="24"/>
      <c r="T43" s="24"/>
      <c r="U43" s="24"/>
      <c r="V43" s="24"/>
      <c r="W43" s="24"/>
      <c r="X43" s="24"/>
      <c r="Y43" s="24"/>
      <c r="Z43" s="24"/>
      <c r="AA43" s="24"/>
      <c r="AB43" s="24"/>
      <c r="AC43" s="24"/>
      <c r="AD43" s="24"/>
      <c r="AE43" s="24"/>
      <c r="AF43" s="24"/>
      <c r="AG43" s="24"/>
      <c r="AH43" s="24"/>
      <c r="AI43" s="24"/>
      <c r="AJ43" s="24"/>
      <c r="AK43" s="24"/>
      <c r="AL43" s="24"/>
      <c r="AM43" s="25"/>
    </row>
    <row r="44" spans="1:39" ht="17.100000000000001" customHeight="1" thickBot="1" x14ac:dyDescent="0.2">
      <c r="A44" s="28">
        <v>306</v>
      </c>
      <c r="B44" s="41" t="s">
        <v>49</v>
      </c>
      <c r="C44" s="30">
        <v>201184</v>
      </c>
      <c r="D44" s="31">
        <v>2</v>
      </c>
      <c r="E44" s="42" t="s">
        <v>42</v>
      </c>
      <c r="F44" s="42" t="s">
        <v>45</v>
      </c>
      <c r="G44" s="30">
        <v>566685</v>
      </c>
      <c r="H44" s="31">
        <v>1</v>
      </c>
      <c r="I44" s="30">
        <v>201184</v>
      </c>
      <c r="J44" s="32">
        <v>2</v>
      </c>
      <c r="K44" s="24"/>
      <c r="L44" s="24"/>
      <c r="M44" s="24"/>
      <c r="N44" s="24"/>
      <c r="O44" s="24"/>
      <c r="P44" s="24"/>
      <c r="Q44" s="24"/>
      <c r="R44" s="24"/>
      <c r="S44" s="24"/>
      <c r="T44" s="24"/>
      <c r="U44" s="24"/>
      <c r="V44" s="24"/>
      <c r="W44" s="24"/>
      <c r="X44" s="24"/>
      <c r="Y44" s="24"/>
      <c r="Z44" s="24"/>
      <c r="AA44" s="24"/>
      <c r="AB44" s="24"/>
      <c r="AC44" s="24"/>
      <c r="AD44" s="24"/>
      <c r="AE44" s="24"/>
      <c r="AF44" s="24"/>
      <c r="AG44" s="24"/>
      <c r="AH44" s="24"/>
      <c r="AI44" s="24"/>
      <c r="AJ44" s="24"/>
      <c r="AK44" s="24"/>
      <c r="AL44" s="24"/>
      <c r="AM44" s="25"/>
    </row>
    <row r="45" spans="1:39" ht="17.100000000000001" customHeight="1" thickTop="1" thickBot="1" x14ac:dyDescent="0.2">
      <c r="A45" s="51" t="s">
        <v>50</v>
      </c>
      <c r="B45" s="52"/>
      <c r="C45" s="30">
        <v>334755</v>
      </c>
      <c r="D45" s="42" t="s">
        <v>42</v>
      </c>
      <c r="E45" s="30">
        <v>411882</v>
      </c>
      <c r="F45" s="42" t="s">
        <v>42</v>
      </c>
      <c r="G45" s="43">
        <v>509046</v>
      </c>
      <c r="H45" s="42" t="s">
        <v>45</v>
      </c>
      <c r="I45" s="30">
        <v>336027</v>
      </c>
      <c r="J45" s="44" t="s">
        <v>42</v>
      </c>
      <c r="K45" s="24"/>
      <c r="L45" s="24"/>
      <c r="M45" s="24"/>
      <c r="N45" s="24"/>
      <c r="O45" s="24"/>
      <c r="P45" s="24"/>
      <c r="Q45" s="24"/>
      <c r="R45" s="24"/>
      <c r="S45" s="24"/>
      <c r="T45" s="24"/>
      <c r="U45" s="24"/>
      <c r="V45" s="24"/>
      <c r="W45" s="24"/>
      <c r="X45" s="24"/>
      <c r="Y45" s="24"/>
      <c r="Z45" s="24"/>
      <c r="AA45" s="24"/>
      <c r="AB45" s="24"/>
      <c r="AC45" s="24"/>
      <c r="AD45" s="24"/>
      <c r="AE45" s="24"/>
      <c r="AF45" s="24"/>
      <c r="AG45" s="24"/>
      <c r="AH45" s="24"/>
      <c r="AI45" s="24"/>
      <c r="AJ45" s="24"/>
      <c r="AK45" s="24"/>
      <c r="AL45" s="24"/>
      <c r="AM45" s="25"/>
    </row>
    <row r="46" spans="1:39" ht="17.100000000000001" customHeight="1" thickTop="1" thickBot="1" x14ac:dyDescent="0.2">
      <c r="A46" s="53" t="s">
        <v>51</v>
      </c>
      <c r="B46" s="52"/>
      <c r="C46" s="45">
        <v>347162</v>
      </c>
      <c r="D46" s="42" t="s">
        <v>42</v>
      </c>
      <c r="E46" s="30">
        <v>377054</v>
      </c>
      <c r="F46" s="42" t="s">
        <v>42</v>
      </c>
      <c r="G46" s="43">
        <v>494946</v>
      </c>
      <c r="H46" s="42" t="s">
        <v>42</v>
      </c>
      <c r="I46" s="30">
        <v>347929</v>
      </c>
      <c r="J46" s="44" t="s">
        <v>45</v>
      </c>
      <c r="K46" s="24"/>
      <c r="L46" s="24"/>
      <c r="M46" s="24"/>
      <c r="N46" s="24"/>
      <c r="O46" s="24"/>
      <c r="P46" s="24"/>
      <c r="Q46" s="24"/>
      <c r="R46" s="24"/>
      <c r="S46" s="24"/>
      <c r="T46" s="24"/>
      <c r="U46" s="24"/>
      <c r="V46" s="24"/>
      <c r="W46" s="24"/>
      <c r="X46" s="24"/>
      <c r="Y46" s="24"/>
      <c r="Z46" s="24"/>
      <c r="AA46" s="24"/>
      <c r="AB46" s="24"/>
      <c r="AC46" s="24"/>
      <c r="AD46" s="24"/>
      <c r="AE46" s="24"/>
      <c r="AF46" s="24"/>
      <c r="AG46" s="24"/>
      <c r="AH46" s="24"/>
      <c r="AI46" s="24"/>
      <c r="AJ46" s="24"/>
      <c r="AK46" s="24"/>
      <c r="AL46" s="24"/>
      <c r="AM46" s="25"/>
    </row>
    <row r="47" spans="1:39" ht="17.100000000000001" customHeight="1" thickTop="1" thickBot="1" x14ac:dyDescent="0.2">
      <c r="A47" s="53" t="s">
        <v>52</v>
      </c>
      <c r="B47" s="52"/>
      <c r="C47" s="30">
        <v>335239</v>
      </c>
      <c r="D47" s="42" t="s">
        <v>42</v>
      </c>
      <c r="E47" s="30">
        <v>409795</v>
      </c>
      <c r="F47" s="42" t="s">
        <v>45</v>
      </c>
      <c r="G47" s="43">
        <v>508436</v>
      </c>
      <c r="H47" s="42" t="s">
        <v>42</v>
      </c>
      <c r="I47" s="30">
        <v>336496</v>
      </c>
      <c r="J47" s="44" t="s">
        <v>45</v>
      </c>
      <c r="K47" s="24"/>
      <c r="L47" s="24"/>
      <c r="M47" s="24"/>
      <c r="N47" s="24"/>
      <c r="O47" s="24"/>
      <c r="P47" s="24"/>
      <c r="Q47" s="24"/>
      <c r="R47" s="24"/>
      <c r="S47" s="24"/>
      <c r="T47" s="24"/>
      <c r="U47" s="24"/>
      <c r="V47" s="24"/>
      <c r="W47" s="24"/>
      <c r="X47" s="24"/>
      <c r="Y47" s="24"/>
      <c r="Z47" s="24"/>
      <c r="AA47" s="24"/>
      <c r="AB47" s="24"/>
      <c r="AC47" s="24"/>
      <c r="AD47" s="24"/>
      <c r="AE47" s="24"/>
      <c r="AF47" s="24"/>
      <c r="AG47" s="24"/>
      <c r="AH47" s="24"/>
      <c r="AI47" s="24"/>
      <c r="AJ47" s="24"/>
      <c r="AK47" s="24"/>
      <c r="AL47" s="24"/>
      <c r="AM47" s="25"/>
    </row>
    <row r="48" spans="1:39" ht="17.100000000000001" customHeight="1" thickTop="1" thickBot="1" x14ac:dyDescent="0.2">
      <c r="A48" s="53" t="s">
        <v>53</v>
      </c>
      <c r="B48" s="52"/>
      <c r="C48" s="30">
        <v>199231</v>
      </c>
      <c r="D48" s="42" t="s">
        <v>54</v>
      </c>
      <c r="E48" s="42" t="s">
        <v>42</v>
      </c>
      <c r="F48" s="42" t="s">
        <v>42</v>
      </c>
      <c r="G48" s="43">
        <v>523687</v>
      </c>
      <c r="H48" s="42" t="s">
        <v>45</v>
      </c>
      <c r="I48" s="30">
        <v>199231</v>
      </c>
      <c r="J48" s="44" t="s">
        <v>42</v>
      </c>
      <c r="K48" s="24"/>
      <c r="L48" s="24"/>
      <c r="M48" s="24"/>
      <c r="N48" s="24"/>
      <c r="O48" s="24"/>
      <c r="P48" s="24"/>
      <c r="Q48" s="24"/>
      <c r="R48" s="24"/>
      <c r="S48" s="24"/>
      <c r="T48" s="24"/>
      <c r="U48" s="24"/>
      <c r="V48" s="24"/>
      <c r="W48" s="24"/>
      <c r="X48" s="24"/>
      <c r="Y48" s="24"/>
      <c r="Z48" s="24"/>
      <c r="AA48" s="24"/>
      <c r="AB48" s="24"/>
      <c r="AC48" s="24"/>
      <c r="AD48" s="24"/>
      <c r="AE48" s="24"/>
      <c r="AF48" s="24"/>
      <c r="AG48" s="24"/>
      <c r="AH48" s="24"/>
      <c r="AI48" s="24"/>
      <c r="AJ48" s="24"/>
      <c r="AK48" s="24"/>
      <c r="AL48" s="24"/>
      <c r="AM48" s="25"/>
    </row>
    <row r="49" spans="1:39" ht="17.100000000000001" customHeight="1" thickTop="1" thickBot="1" x14ac:dyDescent="0.2">
      <c r="A49" s="54" t="s">
        <v>55</v>
      </c>
      <c r="B49" s="55"/>
      <c r="C49" s="46">
        <v>326512</v>
      </c>
      <c r="D49" s="47" t="s">
        <v>54</v>
      </c>
      <c r="E49" s="46">
        <v>409795</v>
      </c>
      <c r="F49" s="47" t="s">
        <v>54</v>
      </c>
      <c r="G49" s="48">
        <v>508748</v>
      </c>
      <c r="H49" s="47" t="s">
        <v>54</v>
      </c>
      <c r="I49" s="46">
        <v>327827</v>
      </c>
      <c r="J49" s="49" t="s">
        <v>54</v>
      </c>
      <c r="K49" s="24"/>
      <c r="L49" s="24"/>
      <c r="M49" s="24"/>
      <c r="N49" s="24"/>
      <c r="O49" s="24"/>
      <c r="P49" s="24"/>
      <c r="Q49" s="24"/>
      <c r="R49" s="24"/>
      <c r="S49" s="24"/>
      <c r="T49" s="24"/>
      <c r="U49" s="24"/>
      <c r="V49" s="24"/>
      <c r="W49" s="24"/>
      <c r="X49" s="24"/>
      <c r="Y49" s="24"/>
      <c r="Z49" s="24"/>
      <c r="AA49" s="24"/>
      <c r="AB49" s="24"/>
      <c r="AC49" s="24"/>
      <c r="AD49" s="24"/>
      <c r="AE49" s="24"/>
      <c r="AF49" s="24"/>
      <c r="AG49" s="24"/>
      <c r="AH49" s="24"/>
      <c r="AI49" s="24"/>
      <c r="AJ49" s="24"/>
      <c r="AK49" s="24"/>
      <c r="AL49" s="24"/>
      <c r="AM49" s="25"/>
    </row>
  </sheetData>
  <mergeCells count="10">
    <mergeCell ref="A3:B5"/>
    <mergeCell ref="C3:D4"/>
    <mergeCell ref="E3:F4"/>
    <mergeCell ref="G3:H4"/>
    <mergeCell ref="I3:J4"/>
    <mergeCell ref="A45:B45"/>
    <mergeCell ref="A46:B46"/>
    <mergeCell ref="A47:B47"/>
    <mergeCell ref="A48:B48"/>
    <mergeCell ref="A49:B49"/>
  </mergeCells>
  <phoneticPr fontId="2"/>
  <printOptions horizontalCentered="1" gridLinesSet="0"/>
  <pageMargins left="0.7" right="0.7" top="0.75" bottom="0.75" header="0.3" footer="0.3"/>
  <pageSetup paperSize="9" scale="99" orientation="portrait" blackAndWhite="1" r:id="rId1"/>
  <headerFooter alignWithMargins="0"/>
  <colBreaks count="1" manualBreakCount="1">
    <brk id="12" min="1" max="5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8表</vt:lpstr>
      <vt:lpstr>第18表!Print_Area</vt:lpstr>
      <vt:lpstr>第18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07:55Z</cp:lastPrinted>
  <dcterms:created xsi:type="dcterms:W3CDTF">2018-03-07T06:17:17Z</dcterms:created>
  <dcterms:modified xsi:type="dcterms:W3CDTF">2018-03-08T07:09:15Z</dcterms:modified>
</cp:coreProperties>
</file>